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/>
  <mc:AlternateContent xmlns:mc="http://schemas.openxmlformats.org/markup-compatibility/2006">
    <mc:Choice Requires="x15">
      <x15ac:absPath xmlns:x15ac="http://schemas.microsoft.com/office/spreadsheetml/2010/11/ac" url="\\kfs01\s1575\12_環境衛生G\16_建築物衛生法\10_登録申請（名簿はココ）\一覧掲載\R7.10\02_起案\今回データ\"/>
    </mc:Choice>
  </mc:AlternateContent>
  <xr:revisionPtr revIDLastSave="0" documentId="13_ncr:1_{376E339F-34C1-4EEE-B2C7-16ECD600D256}" xr6:coauthVersionLast="47" xr6:coauthVersionMax="47" xr10:uidLastSave="{00000000-0000-0000-0000-000000000000}"/>
  <bookViews>
    <workbookView xWindow="-108" yWindow="-108" windowWidth="23256" windowHeight="13896" xr2:uid="{AF872EBC-DB14-45C6-AB44-E24DB12C24BC}"/>
  </bookViews>
  <sheets>
    <sheet name="２号（空）登録" sheetId="2" r:id="rId1"/>
  </sheets>
  <definedNames>
    <definedName name="_xlnm.Print_Area" localSheetId="0">'２号（空）登録'!$A$1:$E$21</definedName>
    <definedName name="_xlnm.Print_Titles" localSheetId="0">'２号（空）登録'!$1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01" uniqueCount="100">
  <si>
    <t>登録番号</t>
  </si>
  <si>
    <t>営業所名</t>
  </si>
  <si>
    <t>電話番号</t>
  </si>
  <si>
    <t>郵便番号</t>
  </si>
  <si>
    <t>営業所所在地</t>
  </si>
  <si>
    <t>(046)224-5559</t>
  </si>
  <si>
    <t>243-0018</t>
  </si>
  <si>
    <t>厚木市中町二丁目３番１号</t>
  </si>
  <si>
    <t>(株)湘南サービスセンター</t>
  </si>
  <si>
    <t>(0465)24-9171</t>
  </si>
  <si>
    <t>250-0005</t>
  </si>
  <si>
    <t>259-1116</t>
  </si>
  <si>
    <t>251-0043</t>
  </si>
  <si>
    <t>丸和産業(株)</t>
  </si>
  <si>
    <t>(046)865-3780</t>
  </si>
  <si>
    <t>237-0062</t>
  </si>
  <si>
    <t>243-0021</t>
  </si>
  <si>
    <t>(0466)88-5777</t>
  </si>
  <si>
    <t>藤沢市大庭５４３３－６</t>
  </si>
  <si>
    <t>252-0815</t>
  </si>
  <si>
    <t>建築物空気環境測定業　２号登録</t>
  </si>
  <si>
    <t>神奈川県２空第５号</t>
  </si>
  <si>
    <t>(株)アサヒ産業環境</t>
  </si>
  <si>
    <t>(0466)88-5656</t>
  </si>
  <si>
    <t>藤沢市石川六丁目18番48号　</t>
    <rPh sb="5" eb="8">
      <t>ロクチョウメ</t>
    </rPh>
    <rPh sb="10" eb="11">
      <t>バン</t>
    </rPh>
    <rPh sb="13" eb="14">
      <t>ゴウ</t>
    </rPh>
    <phoneticPr fontId="1"/>
  </si>
  <si>
    <t>神奈川県２空第９号</t>
  </si>
  <si>
    <t>横須賀市浦郷町四丁目12番地</t>
    <rPh sb="7" eb="10">
      <t>４チョウメ</t>
    </rPh>
    <rPh sb="12" eb="14">
      <t>バンチ</t>
    </rPh>
    <phoneticPr fontId="1"/>
  </si>
  <si>
    <t>神奈川県３空第８号</t>
  </si>
  <si>
    <t>小田原市中町１－１－10</t>
    <rPh sb="0" eb="4">
      <t>オダワラシ</t>
    </rPh>
    <rPh sb="4" eb="6">
      <t>ナカチョウ</t>
    </rPh>
    <phoneticPr fontId="1"/>
  </si>
  <si>
    <t>神奈川県３空第９号</t>
  </si>
  <si>
    <t>(有)ビル環境管理センター</t>
  </si>
  <si>
    <t>(0465)48-7750</t>
  </si>
  <si>
    <t>250-0877</t>
  </si>
  <si>
    <t>小田原市上新田２７－７</t>
  </si>
  <si>
    <t>神奈川県３空第10号</t>
  </si>
  <si>
    <t>神奈川県７空第４号</t>
  </si>
  <si>
    <t>(有)ティーテックサービス</t>
  </si>
  <si>
    <t>(046)874-5801</t>
  </si>
  <si>
    <t>238-0015</t>
  </si>
  <si>
    <t>横須賀市衣笠町２－２</t>
    <rPh sb="4" eb="6">
      <t>キヌガサ</t>
    </rPh>
    <rPh sb="6" eb="7">
      <t>マチ</t>
    </rPh>
    <phoneticPr fontId="1"/>
  </si>
  <si>
    <t>神奈川県10空第１号</t>
    <rPh sb="0" eb="4">
      <t>カナガワケン</t>
    </rPh>
    <rPh sb="6" eb="7">
      <t>クウ</t>
    </rPh>
    <rPh sb="7" eb="8">
      <t>ダイ</t>
    </rPh>
    <rPh sb="9" eb="10">
      <t>ゴウ</t>
    </rPh>
    <phoneticPr fontId="1"/>
  </si>
  <si>
    <t>(株)フィットアップ</t>
    <rPh sb="1" eb="2">
      <t>カブ</t>
    </rPh>
    <phoneticPr fontId="1"/>
  </si>
  <si>
    <t>251-0816</t>
  </si>
  <si>
    <t>神奈川県11空第４号</t>
  </si>
  <si>
    <t>グリーン・サービス(株)　箱根事業所</t>
  </si>
  <si>
    <t>(0460)82-2266</t>
  </si>
  <si>
    <t>250-0406</t>
  </si>
  <si>
    <t>箱根町小涌谷491</t>
  </si>
  <si>
    <t>神奈川県15空第８号</t>
  </si>
  <si>
    <t>イカリ消毒(株)厚木営業所</t>
  </si>
  <si>
    <t>(0463)96-6464</t>
  </si>
  <si>
    <t>伊勢原市石田３０７－１</t>
    <rPh sb="0" eb="4">
      <t>イセハラシ</t>
    </rPh>
    <rPh sb="4" eb="6">
      <t>イシダ</t>
    </rPh>
    <phoneticPr fontId="1"/>
  </si>
  <si>
    <t>神奈川県16空第５号</t>
  </si>
  <si>
    <t>(株)日立産機グリーンテック</t>
    <rPh sb="0" eb="3">
      <t>カブ</t>
    </rPh>
    <rPh sb="3" eb="5">
      <t>ヒタチ</t>
    </rPh>
    <rPh sb="5" eb="7">
      <t>サンキ</t>
    </rPh>
    <rPh sb="6" eb="7">
      <t>ニッサン</t>
    </rPh>
    <phoneticPr fontId="1"/>
  </si>
  <si>
    <t>(0467)79-8301</t>
  </si>
  <si>
    <t>252-1121</t>
  </si>
  <si>
    <t>綾瀬市小園1116</t>
  </si>
  <si>
    <t>神奈川県18空第２号</t>
  </si>
  <si>
    <t>(株)三共消毒　大和営業所</t>
  </si>
  <si>
    <t>（046)262-2741</t>
  </si>
  <si>
    <t>242-0018</t>
  </si>
  <si>
    <t>大和市深見西２丁目１番５号</t>
  </si>
  <si>
    <t>神奈川県21空第１号</t>
    <rPh sb="0" eb="4">
      <t>カナガワケン</t>
    </rPh>
    <rPh sb="6" eb="7">
      <t>クウ</t>
    </rPh>
    <rPh sb="7" eb="8">
      <t>ダイ</t>
    </rPh>
    <rPh sb="9" eb="10">
      <t>ゴウ</t>
    </rPh>
    <phoneticPr fontId="1"/>
  </si>
  <si>
    <t>(有)ケイエムエス</t>
    <rPh sb="0" eb="3">
      <t>ユウゲンガイシャ</t>
    </rPh>
    <phoneticPr fontId="1"/>
  </si>
  <si>
    <t>(046)855-3930</t>
  </si>
  <si>
    <t>240-0101</t>
  </si>
  <si>
    <t>横須賀市秋谷一丁目1番１－５０９号</t>
    <rPh sb="0" eb="4">
      <t>ヨコスカシ</t>
    </rPh>
    <rPh sb="4" eb="6">
      <t>アキヤ</t>
    </rPh>
    <rPh sb="6" eb="9">
      <t>イッチョウメ</t>
    </rPh>
    <rPh sb="10" eb="11">
      <t>バン</t>
    </rPh>
    <rPh sb="16" eb="17">
      <t>ゴウ</t>
    </rPh>
    <phoneticPr fontId="1"/>
  </si>
  <si>
    <t>神奈川県22空第２号</t>
    <rPh sb="0" eb="4">
      <t>カナガワケン</t>
    </rPh>
    <rPh sb="6" eb="7">
      <t>クウ</t>
    </rPh>
    <rPh sb="7" eb="8">
      <t>ダイ</t>
    </rPh>
    <rPh sb="9" eb="10">
      <t>ゴウ</t>
    </rPh>
    <phoneticPr fontId="1"/>
  </si>
  <si>
    <t>栁江環境測定事務所</t>
  </si>
  <si>
    <t>(046)871-5493</t>
  </si>
  <si>
    <t>249-0005</t>
  </si>
  <si>
    <t>逗子市桜山１－１０－１５</t>
  </si>
  <si>
    <t>神奈川県24空第１号</t>
    <rPh sb="0" eb="4">
      <t>カナガワケン</t>
    </rPh>
    <rPh sb="6" eb="7">
      <t>クウ</t>
    </rPh>
    <rPh sb="7" eb="8">
      <t>ダイ</t>
    </rPh>
    <rPh sb="9" eb="10">
      <t>ゴウ</t>
    </rPh>
    <phoneticPr fontId="1"/>
  </si>
  <si>
    <t>(株)足柄計測サービス</t>
    <rPh sb="0" eb="3">
      <t>カブシキガイシャ</t>
    </rPh>
    <rPh sb="3" eb="5">
      <t>アシガラ</t>
    </rPh>
    <rPh sb="5" eb="7">
      <t>ケイソク</t>
    </rPh>
    <phoneticPr fontId="1"/>
  </si>
  <si>
    <t>(0465)25-6158</t>
  </si>
  <si>
    <t>258-0003</t>
  </si>
  <si>
    <t>松田町松田惣領1019番地10　パープルクレスト１Ｆ</t>
    <rPh sb="0" eb="3">
      <t>マツダマチ</t>
    </rPh>
    <rPh sb="3" eb="5">
      <t>マツダ</t>
    </rPh>
    <rPh sb="5" eb="7">
      <t>ソウリョウ</t>
    </rPh>
    <rPh sb="11" eb="13">
      <t>バンチ</t>
    </rPh>
    <phoneticPr fontId="1"/>
  </si>
  <si>
    <t>神奈川県25空第２号</t>
    <rPh sb="0" eb="4">
      <t>カナガワケン</t>
    </rPh>
    <rPh sb="6" eb="7">
      <t>クウ</t>
    </rPh>
    <rPh sb="7" eb="8">
      <t>ダイ</t>
    </rPh>
    <rPh sb="9" eb="10">
      <t>ゴウ</t>
    </rPh>
    <phoneticPr fontId="1"/>
  </si>
  <si>
    <t>(株)シー・アイ・シー厚木営業所</t>
    <rPh sb="0" eb="3">
      <t>カブ</t>
    </rPh>
    <rPh sb="11" eb="13">
      <t>アツギ</t>
    </rPh>
    <rPh sb="13" eb="16">
      <t>エイギョウショ</t>
    </rPh>
    <phoneticPr fontId="1"/>
  </si>
  <si>
    <t>(046)220-0155</t>
  </si>
  <si>
    <t>厚木市岡田５－20－19</t>
    <rPh sb="0" eb="3">
      <t>アツギシ</t>
    </rPh>
    <rPh sb="3" eb="5">
      <t>オカダ</t>
    </rPh>
    <phoneticPr fontId="1"/>
  </si>
  <si>
    <t>神奈川県26空第１号</t>
    <rPh sb="0" eb="4">
      <t>カナガワケン</t>
    </rPh>
    <rPh sb="6" eb="7">
      <t>クウ</t>
    </rPh>
    <rPh sb="7" eb="8">
      <t>ダイ</t>
    </rPh>
    <rPh sb="9" eb="10">
      <t>ゴウ</t>
    </rPh>
    <phoneticPr fontId="1"/>
  </si>
  <si>
    <t>(株)神奈川環境研究所</t>
    <rPh sb="0" eb="3">
      <t>カブ</t>
    </rPh>
    <rPh sb="3" eb="6">
      <t>カナガワ</t>
    </rPh>
    <rPh sb="6" eb="8">
      <t>カンキョウ</t>
    </rPh>
    <rPh sb="8" eb="11">
      <t>ケンキュウジョ</t>
    </rPh>
    <phoneticPr fontId="1"/>
  </si>
  <si>
    <t>(0466)88-6650</t>
  </si>
  <si>
    <t>藤沢市石川六丁目13番地33</t>
    <rPh sb="0" eb="3">
      <t>フジサワシ</t>
    </rPh>
    <rPh sb="3" eb="5">
      <t>イシカワ</t>
    </rPh>
    <rPh sb="5" eb="6">
      <t>ロク</t>
    </rPh>
    <rPh sb="6" eb="8">
      <t>チョウメ</t>
    </rPh>
    <rPh sb="10" eb="12">
      <t>バンチ</t>
    </rPh>
    <phoneticPr fontId="1"/>
  </si>
  <si>
    <t>神奈川県26空第２号</t>
    <rPh sb="0" eb="4">
      <t>カナガワケン</t>
    </rPh>
    <rPh sb="6" eb="7">
      <t>クウ</t>
    </rPh>
    <rPh sb="7" eb="8">
      <t>ダイ</t>
    </rPh>
    <rPh sb="9" eb="10">
      <t>ゴウ</t>
    </rPh>
    <phoneticPr fontId="1"/>
  </si>
  <si>
    <t>(株)三晶ビルテック</t>
    <rPh sb="0" eb="3">
      <t>カブ</t>
    </rPh>
    <rPh sb="3" eb="4">
      <t>サン</t>
    </rPh>
    <rPh sb="4" eb="5">
      <t>アキラ</t>
    </rPh>
    <phoneticPr fontId="1"/>
  </si>
  <si>
    <t>(0463)73-2600</t>
  </si>
  <si>
    <t>259-0113</t>
  </si>
  <si>
    <t xml:space="preserve">大磯町石神台三丁目17番１号 </t>
    <rPh sb="0" eb="3">
      <t>オオイソマチ</t>
    </rPh>
    <rPh sb="3" eb="5">
      <t>イシガミ</t>
    </rPh>
    <rPh sb="5" eb="6">
      <t>ダイ</t>
    </rPh>
    <rPh sb="6" eb="9">
      <t>サンチョウメ</t>
    </rPh>
    <rPh sb="11" eb="12">
      <t>バン</t>
    </rPh>
    <rPh sb="13" eb="14">
      <t>ゴウ</t>
    </rPh>
    <phoneticPr fontId="1"/>
  </si>
  <si>
    <t>神奈川県31空第２号</t>
  </si>
  <si>
    <t>(有)クリアクリーン湘南</t>
    <rPh sb="0" eb="3">
      <t>ユウゲンガイシャ</t>
    </rPh>
    <rPh sb="10" eb="12">
      <t>ショウナン</t>
    </rPh>
    <phoneticPr fontId="1"/>
  </si>
  <si>
    <t>(046)854-0262</t>
  </si>
  <si>
    <t>238-0031</t>
  </si>
  <si>
    <t>横須賀市衣笠栄町四丁目４番地</t>
    <rPh sb="0" eb="4">
      <t>ヨコスカシ</t>
    </rPh>
    <rPh sb="4" eb="6">
      <t>キヌガサ</t>
    </rPh>
    <rPh sb="6" eb="7">
      <t>サカエ</t>
    </rPh>
    <rPh sb="7" eb="8">
      <t>マチ</t>
    </rPh>
    <rPh sb="8" eb="11">
      <t>ヨンチョウメ</t>
    </rPh>
    <rPh sb="12" eb="14">
      <t>バンチ</t>
    </rPh>
    <phoneticPr fontId="1"/>
  </si>
  <si>
    <t>神奈川県R4空第１号</t>
  </si>
  <si>
    <t>(株)イコー保安サービス</t>
    <rPh sb="0" eb="3">
      <t>カブ</t>
    </rPh>
    <rPh sb="6" eb="8">
      <t>ホアン</t>
    </rPh>
    <phoneticPr fontId="1"/>
  </si>
  <si>
    <t>(0466)35-3605</t>
  </si>
  <si>
    <t>藤沢市辻堂元町一丁目２番18号</t>
    <rPh sb="0" eb="3">
      <t>フジサワシ</t>
    </rPh>
    <rPh sb="3" eb="7">
      <t>ツジドウモトマチ</t>
    </rPh>
    <rPh sb="7" eb="10">
      <t>イッチョウメ</t>
    </rPh>
    <rPh sb="11" eb="12">
      <t>バン</t>
    </rPh>
    <rPh sb="14" eb="15">
      <t>ゴウ</t>
    </rPh>
    <phoneticPr fontId="1"/>
  </si>
  <si>
    <t>(株)厚木ダイヤプラザ・ビルサービス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[&lt;=99999999]####&quot;¥&quot;&quot;¥&quot;\!\!\-####;&quot;¥&quot;&quot;¥&quot;\!\!\(000&quot;¥&quot;&quot;¥&quot;\!\!\)&quot;¥&quot;&quot;¥&quot;\!\!\ ###&quot;¥&quot;&quot;¥&quot;\!\!\-####"/>
    <numFmt numFmtId="177" formatCode="[&lt;=999]000;000&quot;¥&quot;&quot;¥&quot;\!\!\-0000"/>
    <numFmt numFmtId="178" formatCode="[&lt;=99999999]####\-####;\(#000\)###\-####"/>
  </numFmts>
  <fonts count="3" x14ac:knownFonts="1">
    <font>
      <sz val="11"/>
      <color theme="1"/>
      <name val="游ゴシック"/>
      <family val="2"/>
      <scheme val="minor"/>
    </font>
    <font>
      <sz val="11"/>
      <color theme="1"/>
      <name val="ＭＳ Ｐゴシック"/>
      <family val="3"/>
      <charset val="128"/>
    </font>
    <font>
      <sz val="6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">
    <xf numFmtId="0" fontId="0" fillId="0" borderId="0" xfId="0"/>
    <xf numFmtId="0" fontId="1" fillId="0" borderId="0" xfId="0" applyFont="1" applyAlignment="1">
      <alignment horizontal="left" vertical="center"/>
    </xf>
    <xf numFmtId="176" fontId="1" fillId="0" borderId="0" xfId="0" applyNumberFormat="1" applyFont="1" applyAlignment="1">
      <alignment horizontal="center" vertical="center"/>
    </xf>
    <xf numFmtId="177" fontId="1" fillId="0" borderId="0" xfId="0" applyNumberFormat="1" applyFont="1" applyAlignment="1">
      <alignment horizontal="center" vertical="center"/>
    </xf>
    <xf numFmtId="0" fontId="1" fillId="0" borderId="1" xfId="0" applyFont="1" applyBorder="1" applyAlignment="1">
      <alignment horizontal="center" vertical="center" shrinkToFit="1"/>
    </xf>
    <xf numFmtId="176" fontId="1" fillId="0" borderId="1" xfId="0" applyNumberFormat="1" applyFont="1" applyBorder="1" applyAlignment="1">
      <alignment horizontal="center" vertical="center" shrinkToFit="1"/>
    </xf>
    <xf numFmtId="177" fontId="1" fillId="0" borderId="1" xfId="0" applyNumberFormat="1" applyFont="1" applyBorder="1" applyAlignment="1">
      <alignment horizontal="center" vertical="center" shrinkToFit="1"/>
    </xf>
    <xf numFmtId="0" fontId="1" fillId="0" borderId="0" xfId="0" applyFont="1" applyAlignment="1">
      <alignment horizontal="center" vertical="center" shrinkToFit="1"/>
    </xf>
    <xf numFmtId="0" fontId="1" fillId="0" borderId="1" xfId="0" applyFont="1" applyBorder="1" applyAlignment="1">
      <alignment vertical="center" shrinkToFit="1"/>
    </xf>
    <xf numFmtId="178" fontId="1" fillId="0" borderId="1" xfId="0" applyNumberFormat="1" applyFont="1" applyBorder="1" applyAlignment="1">
      <alignment horizontal="center" vertical="center" shrinkToFit="1"/>
    </xf>
    <xf numFmtId="0" fontId="1" fillId="0" borderId="0" xfId="0" applyFont="1" applyAlignment="1">
      <alignment vertical="center" shrinkToFit="1"/>
    </xf>
    <xf numFmtId="176" fontId="1" fillId="0" borderId="0" xfId="0" applyNumberFormat="1" applyFont="1" applyAlignment="1">
      <alignment horizontal="center" vertical="center" shrinkToFit="1"/>
    </xf>
    <xf numFmtId="177" fontId="1" fillId="0" borderId="0" xfId="0" applyNumberFormat="1" applyFont="1" applyAlignment="1">
      <alignment horizontal="center" vertical="center" shrinkToFit="1"/>
    </xf>
    <xf numFmtId="178" fontId="1" fillId="0" borderId="1" xfId="0" quotePrefix="1" applyNumberFormat="1" applyFont="1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D82E6F3-8B37-4BD8-9EA8-67F8E05033E2}">
  <dimension ref="A1:E22"/>
  <sheetViews>
    <sheetView tabSelected="1" view="pageLayout" topLeftCell="A20" zoomScaleNormal="100" workbookViewId="0">
      <selection activeCell="B4" sqref="B4"/>
    </sheetView>
  </sheetViews>
  <sheetFormatPr defaultColWidth="8.09765625" defaultRowHeight="22.5" customHeight="1" x14ac:dyDescent="0.45"/>
  <cols>
    <col min="1" max="1" width="16.796875" style="10" customWidth="1"/>
    <col min="2" max="2" width="30.296875" style="10" customWidth="1"/>
    <col min="3" max="3" width="14.5" style="11" customWidth="1"/>
    <col min="4" max="4" width="9.19921875" style="12" customWidth="1"/>
    <col min="5" max="5" width="46.69921875" style="10" customWidth="1"/>
    <col min="6" max="16384" width="8.09765625" style="10"/>
  </cols>
  <sheetData>
    <row r="1" spans="1:5" s="1" customFormat="1" ht="22.8" customHeight="1" x14ac:dyDescent="0.45">
      <c r="A1" s="1" t="s">
        <v>20</v>
      </c>
      <c r="C1" s="2"/>
      <c r="D1" s="3"/>
    </row>
    <row r="2" spans="1:5" s="7" customFormat="1" ht="22.8" customHeight="1" x14ac:dyDescent="0.45">
      <c r="A2" s="4" t="s">
        <v>0</v>
      </c>
      <c r="B2" s="4" t="s">
        <v>1</v>
      </c>
      <c r="C2" s="5" t="s">
        <v>2</v>
      </c>
      <c r="D2" s="6" t="s">
        <v>3</v>
      </c>
      <c r="E2" s="4" t="s">
        <v>4</v>
      </c>
    </row>
    <row r="3" spans="1:5" ht="22.8" customHeight="1" x14ac:dyDescent="0.45">
      <c r="A3" s="8" t="s">
        <v>21</v>
      </c>
      <c r="B3" s="8" t="s">
        <v>22</v>
      </c>
      <c r="C3" s="9" t="s">
        <v>23</v>
      </c>
      <c r="D3" s="6" t="s">
        <v>19</v>
      </c>
      <c r="E3" s="8" t="s">
        <v>24</v>
      </c>
    </row>
    <row r="4" spans="1:5" ht="22.8" customHeight="1" x14ac:dyDescent="0.45">
      <c r="A4" s="8" t="s">
        <v>25</v>
      </c>
      <c r="B4" s="8" t="s">
        <v>13</v>
      </c>
      <c r="C4" s="13" t="s">
        <v>14</v>
      </c>
      <c r="D4" s="6" t="s">
        <v>15</v>
      </c>
      <c r="E4" s="8" t="s">
        <v>26</v>
      </c>
    </row>
    <row r="5" spans="1:5" ht="22.8" customHeight="1" x14ac:dyDescent="0.45">
      <c r="A5" s="8" t="s">
        <v>27</v>
      </c>
      <c r="B5" s="8" t="s">
        <v>8</v>
      </c>
      <c r="C5" s="9" t="s">
        <v>9</v>
      </c>
      <c r="D5" s="6" t="s">
        <v>10</v>
      </c>
      <c r="E5" s="8" t="s">
        <v>28</v>
      </c>
    </row>
    <row r="6" spans="1:5" ht="22.8" customHeight="1" x14ac:dyDescent="0.45">
      <c r="A6" s="8" t="s">
        <v>29</v>
      </c>
      <c r="B6" s="8" t="s">
        <v>30</v>
      </c>
      <c r="C6" s="9" t="s">
        <v>31</v>
      </c>
      <c r="D6" s="6" t="s">
        <v>32</v>
      </c>
      <c r="E6" s="8" t="s">
        <v>33</v>
      </c>
    </row>
    <row r="7" spans="1:5" ht="22.8" customHeight="1" x14ac:dyDescent="0.45">
      <c r="A7" s="8" t="s">
        <v>34</v>
      </c>
      <c r="B7" s="8" t="s">
        <v>99</v>
      </c>
      <c r="C7" s="9" t="s">
        <v>5</v>
      </c>
      <c r="D7" s="6" t="s">
        <v>6</v>
      </c>
      <c r="E7" s="8" t="s">
        <v>7</v>
      </c>
    </row>
    <row r="8" spans="1:5" ht="22.8" customHeight="1" x14ac:dyDescent="0.45">
      <c r="A8" s="8" t="s">
        <v>35</v>
      </c>
      <c r="B8" s="8" t="s">
        <v>36</v>
      </c>
      <c r="C8" s="9" t="s">
        <v>37</v>
      </c>
      <c r="D8" s="6" t="s">
        <v>38</v>
      </c>
      <c r="E8" s="8" t="s">
        <v>39</v>
      </c>
    </row>
    <row r="9" spans="1:5" ht="22.8" customHeight="1" x14ac:dyDescent="0.45">
      <c r="A9" s="8" t="s">
        <v>40</v>
      </c>
      <c r="B9" s="8" t="s">
        <v>41</v>
      </c>
      <c r="C9" s="5" t="s">
        <v>17</v>
      </c>
      <c r="D9" s="6" t="s">
        <v>42</v>
      </c>
      <c r="E9" s="8" t="s">
        <v>18</v>
      </c>
    </row>
    <row r="10" spans="1:5" ht="22.8" customHeight="1" x14ac:dyDescent="0.45">
      <c r="A10" s="8" t="s">
        <v>43</v>
      </c>
      <c r="B10" s="8" t="s">
        <v>44</v>
      </c>
      <c r="C10" s="9" t="s">
        <v>45</v>
      </c>
      <c r="D10" s="6" t="s">
        <v>46</v>
      </c>
      <c r="E10" s="8" t="s">
        <v>47</v>
      </c>
    </row>
    <row r="11" spans="1:5" ht="22.8" customHeight="1" x14ac:dyDescent="0.45">
      <c r="A11" s="8" t="s">
        <v>48</v>
      </c>
      <c r="B11" s="8" t="s">
        <v>49</v>
      </c>
      <c r="C11" s="5" t="s">
        <v>50</v>
      </c>
      <c r="D11" s="6" t="s">
        <v>11</v>
      </c>
      <c r="E11" s="8" t="s">
        <v>51</v>
      </c>
    </row>
    <row r="12" spans="1:5" ht="22.8" customHeight="1" x14ac:dyDescent="0.45">
      <c r="A12" s="8" t="s">
        <v>52</v>
      </c>
      <c r="B12" s="8" t="s">
        <v>53</v>
      </c>
      <c r="C12" s="5" t="s">
        <v>54</v>
      </c>
      <c r="D12" s="6" t="s">
        <v>55</v>
      </c>
      <c r="E12" s="8" t="s">
        <v>56</v>
      </c>
    </row>
    <row r="13" spans="1:5" ht="22.8" customHeight="1" x14ac:dyDescent="0.45">
      <c r="A13" s="8" t="s">
        <v>57</v>
      </c>
      <c r="B13" s="8" t="s">
        <v>58</v>
      </c>
      <c r="C13" s="5" t="s">
        <v>59</v>
      </c>
      <c r="D13" s="6" t="s">
        <v>60</v>
      </c>
      <c r="E13" s="8" t="s">
        <v>61</v>
      </c>
    </row>
    <row r="14" spans="1:5" ht="22.8" customHeight="1" x14ac:dyDescent="0.45">
      <c r="A14" s="8" t="s">
        <v>62</v>
      </c>
      <c r="B14" s="8" t="s">
        <v>63</v>
      </c>
      <c r="C14" s="5" t="s">
        <v>64</v>
      </c>
      <c r="D14" s="6" t="s">
        <v>65</v>
      </c>
      <c r="E14" s="8" t="s">
        <v>66</v>
      </c>
    </row>
    <row r="15" spans="1:5" ht="22.8" customHeight="1" x14ac:dyDescent="0.45">
      <c r="A15" s="8" t="s">
        <v>67</v>
      </c>
      <c r="B15" s="8" t="s">
        <v>68</v>
      </c>
      <c r="C15" s="5" t="s">
        <v>69</v>
      </c>
      <c r="D15" s="6" t="s">
        <v>70</v>
      </c>
      <c r="E15" s="8" t="s">
        <v>71</v>
      </c>
    </row>
    <row r="16" spans="1:5" ht="22.8" customHeight="1" x14ac:dyDescent="0.45">
      <c r="A16" s="8" t="s">
        <v>72</v>
      </c>
      <c r="B16" s="8" t="s">
        <v>73</v>
      </c>
      <c r="C16" s="5" t="s">
        <v>74</v>
      </c>
      <c r="D16" s="6" t="s">
        <v>75</v>
      </c>
      <c r="E16" s="8" t="s">
        <v>76</v>
      </c>
    </row>
    <row r="17" spans="1:5" ht="22.8" customHeight="1" x14ac:dyDescent="0.45">
      <c r="A17" s="8" t="s">
        <v>77</v>
      </c>
      <c r="B17" s="8" t="s">
        <v>78</v>
      </c>
      <c r="C17" s="5" t="s">
        <v>79</v>
      </c>
      <c r="D17" s="6" t="s">
        <v>16</v>
      </c>
      <c r="E17" s="8" t="s">
        <v>80</v>
      </c>
    </row>
    <row r="18" spans="1:5" ht="22.8" customHeight="1" x14ac:dyDescent="0.45">
      <c r="A18" s="8" t="s">
        <v>81</v>
      </c>
      <c r="B18" s="8" t="s">
        <v>82</v>
      </c>
      <c r="C18" s="5" t="s">
        <v>83</v>
      </c>
      <c r="D18" s="6" t="s">
        <v>19</v>
      </c>
      <c r="E18" s="8" t="s">
        <v>84</v>
      </c>
    </row>
    <row r="19" spans="1:5" ht="22.8" customHeight="1" x14ac:dyDescent="0.45">
      <c r="A19" s="8" t="s">
        <v>85</v>
      </c>
      <c r="B19" s="8" t="s">
        <v>86</v>
      </c>
      <c r="C19" s="5" t="s">
        <v>87</v>
      </c>
      <c r="D19" s="6" t="s">
        <v>88</v>
      </c>
      <c r="E19" s="8" t="s">
        <v>89</v>
      </c>
    </row>
    <row r="20" spans="1:5" ht="22.8" customHeight="1" x14ac:dyDescent="0.45">
      <c r="A20" s="8" t="s">
        <v>90</v>
      </c>
      <c r="B20" s="8" t="s">
        <v>91</v>
      </c>
      <c r="C20" s="9" t="s">
        <v>92</v>
      </c>
      <c r="D20" s="6" t="s">
        <v>93</v>
      </c>
      <c r="E20" s="8" t="s">
        <v>94</v>
      </c>
    </row>
    <row r="21" spans="1:5" ht="22.8" customHeight="1" x14ac:dyDescent="0.45">
      <c r="A21" s="8" t="s">
        <v>95</v>
      </c>
      <c r="B21" s="8" t="s">
        <v>96</v>
      </c>
      <c r="C21" s="9" t="s">
        <v>97</v>
      </c>
      <c r="D21" s="6" t="s">
        <v>12</v>
      </c>
      <c r="E21" s="8" t="s">
        <v>98</v>
      </c>
    </row>
    <row r="22" spans="1:5" ht="23.4" customHeight="1" x14ac:dyDescent="0.45"/>
  </sheetData>
  <phoneticPr fontId="2"/>
  <pageMargins left="0.70866141732283472" right="0.70866141732283472" top="0.74803149606299213" bottom="0.74803149606299213" header="0.31496062992125984" footer="0.31496062992125984"/>
  <pageSetup paperSize="9" orientation="landscape" useFirstPageNumber="1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２号（空）登録</vt:lpstr>
      <vt:lpstr>'２号（空）登録'!Print_Area</vt:lpstr>
      <vt:lpstr>'２号（空）登録'!Print_Titles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0-23T04:41:10Z</cp:lastPrinted>
  <dcterms:created xsi:type="dcterms:W3CDTF">2025-10-23T04:20:17Z</dcterms:created>
  <dcterms:modified xsi:type="dcterms:W3CDTF">2025-10-23T04:41:22Z</dcterms:modified>
</cp:coreProperties>
</file>